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259" r:id="rId6"/>
    <p:sldId id="260" r:id="rId7"/>
    <p:sldId id="261" r:id="rId8"/>
    <p:sldId id="266" r:id="rId9"/>
    <p:sldId id="267" r:id="rId10"/>
    <p:sldId id="262" r:id="rId11"/>
    <p:sldId id="263" r:id="rId12"/>
    <p:sldId id="268" r:id="rId13"/>
    <p:sldId id="265" r:id="rId14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259"/>
            <p14:sldId id="260"/>
            <p14:sldId id="261"/>
            <p14:sldId id="266"/>
            <p14:sldId id="267"/>
            <p14:sldId id="262"/>
            <p14:sldId id="263"/>
            <p14:sldId id="268"/>
            <p14:sldId id="265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662" autoAdjust="0"/>
    <p:restoredTop sz="94660"/>
  </p:normalViewPr>
  <p:slideViewPr>
    <p:cSldViewPr snapToGrid="0">
      <p:cViewPr varScale="1">
        <p:scale>
          <a:sx n="65" d="100"/>
          <a:sy n="65" d="100"/>
        </p:scale>
        <p:origin x="32" y="3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tableStyles" Target="tableStyle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presProps" Target="presProps.xml"/><Relationship Id="rId10" Type="http://schemas.openxmlformats.org/officeDocument/2006/relationships/slide" Target="slides/slide7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6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" Target="../slides/slide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4.xml"/><Relationship Id="rId2" Type="http://schemas.openxmlformats.org/officeDocument/2006/relationships/slideLayout" Target="../slideLayouts/slideLayout14.xml"/><Relationship Id="rId16" Type="http://schemas.openxmlformats.org/officeDocument/2006/relationships/slide" Target="../slides/slide11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3.xml"/><Relationship Id="rId5" Type="http://schemas.openxmlformats.org/officeDocument/2006/relationships/slideLayout" Target="../slideLayouts/slideLayout17.xml"/><Relationship Id="rId15" Type="http://schemas.openxmlformats.org/officeDocument/2006/relationships/slide" Target="../slides/slide9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Relationship Id="rId14" Type="http://schemas.openxmlformats.org/officeDocument/2006/relationships/slide" Target="../slides/slide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06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rId13" action="ppaction://hlinksldjump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rId14" action="ppaction://hlinksldjump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rId15" action="ppaction://hlinksldjump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6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06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ko-KR" altLang="en-US" dirty="0" err="1"/>
              <a:t>캡스톤</a:t>
            </a:r>
            <a:r>
              <a:rPr lang="ko-KR" altLang="en-US" dirty="0"/>
              <a:t> 디자인</a:t>
            </a:r>
            <a:br>
              <a:rPr lang="en-US" altLang="ko-KR" dirty="0"/>
            </a:br>
            <a:br>
              <a:rPr lang="en-US" altLang="ko-KR" dirty="0"/>
            </a:br>
            <a:r>
              <a:rPr lang="ko-KR" altLang="en-US" dirty="0"/>
              <a:t>프로젝트 제안서</a:t>
            </a:r>
            <a:endParaRPr lang="fr-FR" dirty="0"/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ko-KR" altLang="en-US" sz="1800" dirty="0"/>
              <a:t>팀 명</a:t>
            </a:r>
            <a:endParaRPr lang="fr-FR" sz="1800" dirty="0"/>
          </a:p>
        </p:txBody>
      </p:sp>
      <p:sp>
        <p:nvSpPr>
          <p:cNvPr id="3" name="ZoneTexte 2"/>
          <p:cNvSpPr txBox="1"/>
          <p:nvPr/>
        </p:nvSpPr>
        <p:spPr>
          <a:xfrm>
            <a:off x="9104944" y="5652142"/>
            <a:ext cx="2368304" cy="598589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ctr"/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: </a:t>
            </a:r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팀장 손규호</a:t>
            </a:r>
            <a:endParaRPr lang="en-US" sz="2000" cap="small" dirty="0">
              <a:solidFill>
                <a:srgbClr val="00204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8866697" y="6371009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/>
              <a:t>2016</a:t>
            </a:r>
            <a:r>
              <a:rPr lang="ko-KR" altLang="en-US" sz="1800" dirty="0"/>
              <a:t>년</a:t>
            </a:r>
            <a:r>
              <a:rPr lang="fr-FR" sz="1800" dirty="0"/>
              <a:t> 3</a:t>
            </a:r>
            <a:r>
              <a:rPr lang="ko-KR" altLang="en-US" sz="1800" dirty="0"/>
              <a:t>월</a:t>
            </a:r>
            <a:r>
              <a:rPr lang="fr-FR" sz="1800" dirty="0"/>
              <a:t> 9</a:t>
            </a:r>
            <a:r>
              <a:rPr lang="ko-KR" altLang="en-US" sz="1800" dirty="0"/>
              <a:t>일</a:t>
            </a:r>
            <a:endParaRPr lang="fr-FR" sz="1800" dirty="0"/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2838469" y="4812890"/>
            <a:ext cx="762000" cy="533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" name="그룹 5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7" name="TextBox 6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cxnSp>
        <p:nvCxnSpPr>
          <p:cNvPr id="25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4758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34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6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47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50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53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07" name="그룹 106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82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4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04" name="그룹 103"/>
          <p:cNvGrpSpPr/>
          <p:nvPr/>
        </p:nvGrpSpPr>
        <p:grpSpPr>
          <a:xfrm>
            <a:off x="678426" y="2677401"/>
            <a:ext cx="10043526" cy="3699134"/>
            <a:chOff x="678426" y="2731167"/>
            <a:chExt cx="10043526" cy="2861595"/>
          </a:xfrm>
        </p:grpSpPr>
        <p:cxnSp>
          <p:nvCxnSpPr>
            <p:cNvPr id="14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59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61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2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64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7"/>
              <a:ext cx="2959100" cy="203200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5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6315885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4/17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67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7"/>
              <a:ext cx="2959100" cy="203200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8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6315885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4/17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9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70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1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73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4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5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76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7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79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0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85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5535956" y="4856163"/>
              <a:ext cx="2952550" cy="211803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6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1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7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88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5535956" y="5122863"/>
              <a:ext cx="2952550" cy="211743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9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1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91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92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94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102026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105" name="이등변 삼각형 104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6" name="이등변 삼각형 105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30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131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이등변 삼각형 131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3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이등변 삼각형 134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이등변 삼각형 13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1895814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dirty="0" err="1"/>
              <a:t>캡스톤</a:t>
            </a:r>
            <a:r>
              <a:rPr lang="ko-KR" altLang="en-US" dirty="0"/>
              <a:t> 디자인 프로젝트 제안서</a:t>
            </a:r>
            <a:endParaRPr lang="en-US" dirty="0"/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미술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en-US" altLang="ko-KR" sz="1400" dirty="0"/>
              <a:t>zkalffntm</a:t>
            </a:r>
            <a:r>
              <a:rPr lang="en-US" sz="1400" dirty="0"/>
              <a:t>@gmail.com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11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ko-KR" altLang="en-US" sz="1800" kern="0" dirty="0">
                <a:solidFill>
                  <a:sysClr val="windowText" lastClr="000000"/>
                </a:solidFill>
              </a:rPr>
              <a:t>경청해 주셔서 감사합니다</a:t>
            </a:r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857541" cy="36512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ko-KR" altLang="en-US"/>
              <a:t>팀 명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5027723" y="1669409"/>
            <a:ext cx="2507418" cy="41549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1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목표 및 정의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2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요구사항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팀 역량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프로젝트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4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역할 분담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5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스케쥴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2" name="TextBox 11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2036616" y="3228075"/>
            <a:ext cx="7924605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회 및 박물관에서의 관람 활동을 돕는 시스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시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청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촉각을 이용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작품 설명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 위치 안내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장애우들의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관람을 위한 편의 제공 가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통지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프로젝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1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번과 연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4144085" y="1574763"/>
            <a:ext cx="4017445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48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2">
                    <a:lumMod val="50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전시회 도우미</a:t>
            </a:r>
            <a:endParaRPr lang="en-US" altLang="ko-KR" sz="4800" b="1" dirty="0">
              <a:ln w="13462">
                <a:solidFill>
                  <a:schemeClr val="bg1"/>
                </a:solidFill>
                <a:prstDash val="solid"/>
              </a:ln>
              <a:solidFill>
                <a:schemeClr val="tx2">
                  <a:lumMod val="50000"/>
                </a:schemeClr>
              </a:solidFill>
              <a:effectLst>
                <a:outerShdw dist="38100" dir="2700000" algn="bl" rotWithShape="0">
                  <a:schemeClr val="accent5"/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29696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build="p"/>
      <p:bldP spid="1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graphicFrame>
        <p:nvGraphicFramePr>
          <p:cNvPr id="9" name="표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1028983"/>
              </p:ext>
            </p:extLst>
          </p:nvPr>
        </p:nvGraphicFramePr>
        <p:xfrm>
          <a:off x="921769" y="1149917"/>
          <a:ext cx="10462093" cy="5191175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380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5135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61052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1579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영역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요구사항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설명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72501">
                <a:tc rowSpan="4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안드로이드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전시물 해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람객이 각 전시물의 설정된 영역에 도달할 경우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 전시물에 대한 해설을 시청각을 통해 제공 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음성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이미지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텍스트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13554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위치 안내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현재 위치 및 방향을 전시관 평면도와 </a:t>
                      </a:r>
                      <a:r>
                        <a:rPr lang="ko-KR" altLang="en-US" sz="1600" dirty="0" err="1"/>
                        <a:t>마커를</a:t>
                      </a:r>
                      <a:r>
                        <a:rPr lang="ko-KR" altLang="en-US" sz="1600" dirty="0"/>
                        <a:t> 통해 제공</a:t>
                      </a:r>
                      <a:endParaRPr lang="en-US" altLang="ko-KR" sz="1600" dirty="0"/>
                    </a:p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목적</a:t>
                      </a:r>
                      <a:r>
                        <a:rPr lang="ko-KR" altLang="en-US" sz="1600" baseline="0" dirty="0"/>
                        <a:t> 전시물을 입력 받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상기 평면도와 </a:t>
                      </a:r>
                      <a:r>
                        <a:rPr lang="ko-KR" altLang="en-US" sz="1600" baseline="0" dirty="0" err="1"/>
                        <a:t>마커</a:t>
                      </a:r>
                      <a:r>
                        <a:rPr lang="ko-KR" altLang="en-US" sz="1600" baseline="0" dirty="0"/>
                        <a:t> 및 진동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음성을 통해 현재 위치로부터 목적 전시물로의 안내 기능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453963"/>
                  </a:ext>
                </a:extLst>
              </a:tr>
              <a:tr h="572501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추천 코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미리 입력된 추천 관람 코스를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상기 위치 안내 및 전시물 해설 기능을 결합하여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115387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편의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상기 각 서비스에 대한 제공</a:t>
                      </a:r>
                      <a:r>
                        <a:rPr lang="ko-KR" altLang="en-US" sz="1600" baseline="0" dirty="0"/>
                        <a:t> 여부는 사용자가 선택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762311498"/>
                  </a:ext>
                </a:extLst>
              </a:tr>
              <a:tr h="572501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버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비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입력된 전시물 해설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위치 안내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추천 코스에 대한 데이터를 안드로이드 클라이언트에 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626598136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통신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동시</a:t>
                      </a:r>
                      <a:r>
                        <a:rPr lang="ko-KR" altLang="en-US" sz="1600" baseline="0" dirty="0"/>
                        <a:t> 다수의 안드로이드 클라이언트 수용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3331217"/>
                  </a:ext>
                </a:extLst>
              </a:tr>
              <a:tr h="361579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관리자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물 해설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각 전시물의 해설에 대해 제공할 데이터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61690290"/>
                  </a:ext>
                </a:extLst>
              </a:tr>
              <a:tr h="777706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관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전시관</a:t>
                      </a:r>
                      <a:r>
                        <a:rPr lang="ko-KR" altLang="en-US" sz="1600" baseline="0" dirty="0"/>
                        <a:t> 평면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전시관 내 </a:t>
                      </a:r>
                      <a:r>
                        <a:rPr lang="en-US" altLang="ko-KR" sz="1600" baseline="0" dirty="0"/>
                        <a:t>Beacon Device</a:t>
                      </a:r>
                      <a:r>
                        <a:rPr lang="ko-KR" altLang="en-US" sz="1600" baseline="0" dirty="0"/>
                        <a:t>의 위치 및 등록정보를 입력할 수 있음</a:t>
                      </a:r>
                      <a:endParaRPr lang="en-US" altLang="ko-KR" sz="1600" baseline="0" dirty="0"/>
                    </a:p>
                    <a:p>
                      <a:pPr algn="l" latinLnBrk="1"/>
                      <a:r>
                        <a:rPr lang="en-US" altLang="ko-KR" sz="1600" baseline="0" dirty="0"/>
                        <a:t>- </a:t>
                      </a:r>
                      <a:r>
                        <a:rPr lang="ko-KR" altLang="en-US" sz="1600" baseline="0" dirty="0"/>
                        <a:t>각 전시물의 위치와 관람 영역을 설정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99083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추천 코스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추천 관람 코스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559335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86237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손규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002623"/>
              </p:ext>
            </p:extLst>
          </p:nvPr>
        </p:nvGraphicFramePr>
        <p:xfrm>
          <a:off x="921768" y="1692790"/>
          <a:ext cx="10369814" cy="4641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공장 생산 </a:t>
                      </a:r>
                      <a:r>
                        <a:rPr lang="ko-KR" altLang="en-US" sz="1600" dirty="0" err="1"/>
                        <a:t>라인별</a:t>
                      </a:r>
                      <a:r>
                        <a:rPr lang="ko-KR" altLang="en-US" sz="1600" dirty="0"/>
                        <a:t> 물자 자원 관리자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크린 샷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온라인 협동 게임 </a:t>
                      </a:r>
                      <a:r>
                        <a:rPr lang="en-US" altLang="ko-KR" sz="1600" dirty="0"/>
                        <a:t>DIXIT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, GNOME GUI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모듈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의료 표준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My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종스크롤</a:t>
                      </a:r>
                      <a:r>
                        <a:rPr lang="ko-KR" altLang="en-US" sz="1600" dirty="0"/>
                        <a:t> </a:t>
                      </a:r>
                      <a:r>
                        <a:rPr lang="en-US" altLang="ko-KR" sz="1600" dirty="0"/>
                        <a:t>2D </a:t>
                      </a:r>
                      <a:r>
                        <a:rPr lang="ko-KR" altLang="en-US" sz="1600" dirty="0"/>
                        <a:t>슈팅 게임 엔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irect X, </a:t>
                      </a:r>
                      <a:r>
                        <a:rPr lang="en-US" altLang="ko-KR" sz="1600" dirty="0" err="1"/>
                        <a:t>zlip</a:t>
                      </a:r>
                      <a:r>
                        <a:rPr lang="en-US" altLang="ko-KR" sz="1600" dirty="0"/>
                        <a:t>, </a:t>
                      </a:r>
                      <a:r>
                        <a:rPr lang="en-US" altLang="ko-KR" sz="1600" dirty="0" err="1"/>
                        <a:t>ogg</a:t>
                      </a:r>
                      <a:r>
                        <a:rPr lang="en-US" altLang="ko-KR" sz="1600" dirty="0"/>
                        <a:t> </a:t>
                      </a:r>
                      <a:r>
                        <a:rPr lang="en-US" altLang="ko-KR" sz="1600" dirty="0" err="1"/>
                        <a:t>vorbis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컨퍼런스 룸 예약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오목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ython, </a:t>
                      </a:r>
                      <a:r>
                        <a:rPr lang="ko-KR" altLang="en-US" sz="1600" dirty="0"/>
                        <a:t>인공지능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원격 </a:t>
                      </a:r>
                      <a:r>
                        <a:rPr lang="ko-KR" altLang="en-US" sz="1600" dirty="0" err="1"/>
                        <a:t>도어락</a:t>
                      </a:r>
                      <a:r>
                        <a:rPr lang="ko-KR" altLang="en-US" sz="1600" dirty="0"/>
                        <a:t> 제어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Web 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 </a:t>
                      </a:r>
                      <a:r>
                        <a:rPr lang="ko-KR" altLang="en-US" sz="1600" dirty="0"/>
                        <a:t>웹 </a:t>
                      </a:r>
                      <a:r>
                        <a:rPr lang="ko-KR" altLang="en-US" sz="1600" dirty="0" err="1"/>
                        <a:t>파싱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마트 동화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패턴 인식</a:t>
                      </a:r>
                      <a:r>
                        <a:rPr lang="en-US" altLang="ko-KR" sz="1600" dirty="0"/>
                        <a:t>), </a:t>
                      </a:r>
                      <a:r>
                        <a:rPr lang="ko-KR" altLang="en-US" sz="1600" dirty="0" err="1"/>
                        <a:t>프로젝션</a:t>
                      </a:r>
                      <a:r>
                        <a:rPr lang="ko-KR" altLang="en-US" sz="1600" dirty="0"/>
                        <a:t> </a:t>
                      </a:r>
                      <a:r>
                        <a:rPr lang="ko-KR" altLang="en-US" sz="1600" dirty="0" err="1"/>
                        <a:t>맵핑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61841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56188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박성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8811184"/>
              </p:ext>
            </p:extLst>
          </p:nvPr>
        </p:nvGraphicFramePr>
        <p:xfrm>
          <a:off x="921768" y="1692791"/>
          <a:ext cx="10369814" cy="4358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ATM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저씨 전당포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C</a:t>
                      </a:r>
                      <a:r>
                        <a:rPr lang="ko-KR" altLang="en-US" sz="1600" dirty="0"/>
                        <a:t>방 경영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포츠센터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</a:t>
                      </a:r>
                      <a:r>
                        <a:rPr lang="en-US" altLang="ko-KR" sz="1600" baseline="0" dirty="0"/>
                        <a:t> Web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정렬 알고리즘 분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알고리즘 분석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및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통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FTP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Console, FTP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마피아 클라이언트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 </a:t>
                      </a:r>
                      <a:r>
                        <a:rPr lang="ko-KR" altLang="en-US" sz="1600" dirty="0"/>
                        <a:t>모듈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의료 표준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과제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Ko</a:t>
                      </a:r>
                      <a:r>
                        <a:rPr lang="en-US" altLang="ko-KR" sz="1600" dirty="0"/>
                        <a:t>-co Bell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업무 자동화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쿠폰 서비스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BLE Beacon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27826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pin </a:t>
                      </a:r>
                      <a:r>
                        <a:rPr lang="ko-KR" altLang="en-US" sz="1600" dirty="0"/>
                        <a:t>활용 차량 전자 장비 검증 솔루션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산업 표준</a:t>
                      </a:r>
                      <a:r>
                        <a:rPr lang="en-US" altLang="ko-KR" sz="1600" dirty="0"/>
                        <a:t>, Spin Model Checker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777725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464742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지재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프로젝트 경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)</a:t>
            </a: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1982633"/>
              </p:ext>
            </p:extLst>
          </p:nvPr>
        </p:nvGraphicFramePr>
        <p:xfrm>
          <a:off x="921768" y="1692791"/>
          <a:ext cx="10369814" cy="2590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회의실 예약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유아용 색칠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지뢰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미로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IoT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융합 장난감 기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1229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</a:tbl>
          </a:graphicData>
        </a:graphic>
      </p:graphicFrame>
      <p:sp>
        <p:nvSpPr>
          <p:cNvPr id="18" name="TextBox 17"/>
          <p:cNvSpPr txBox="1"/>
          <p:nvPr/>
        </p:nvSpPr>
        <p:spPr>
          <a:xfrm>
            <a:off x="884912" y="4570585"/>
            <a:ext cx="8959697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미술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  <a:p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입시 미술 학원 강사 재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조소 전공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Adobe Photoshop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이용한 이미지 편집 기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7535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73044"/>
            <a:ext cx="506581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기술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센서 제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2554962"/>
            <a:ext cx="7005444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자원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eacon Device	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구매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스마트폰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보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Tester Pool 			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팀원 제공 가능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물 샘플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: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미술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지원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술 자문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	: ???</a:t>
            </a:r>
          </a:p>
        </p:txBody>
      </p:sp>
      <p:sp>
        <p:nvSpPr>
          <p:cNvPr id="18" name="직사각형 17"/>
          <p:cNvSpPr/>
          <p:nvPr/>
        </p:nvSpPr>
        <p:spPr>
          <a:xfrm>
            <a:off x="6496671" y="2920070"/>
            <a:ext cx="4838184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캡스톤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디자인 사업 예산 지원 필요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5739109" y="1542375"/>
            <a:ext cx="5301451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통지대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협력 프로젝트 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1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번 연계 가능성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2" name="오른쪽 화살표 1"/>
          <p:cNvSpPr/>
          <p:nvPr/>
        </p:nvSpPr>
        <p:spPr>
          <a:xfrm>
            <a:off x="5037113" y="1626399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오른쪽 화살표 19"/>
          <p:cNvSpPr/>
          <p:nvPr/>
        </p:nvSpPr>
        <p:spPr>
          <a:xfrm>
            <a:off x="5739109" y="3012485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TextBox 21"/>
          <p:cNvSpPr txBox="1"/>
          <p:nvPr/>
        </p:nvSpPr>
        <p:spPr>
          <a:xfrm>
            <a:off x="884912" y="5061113"/>
            <a:ext cx="10485563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확장 가능성</a:t>
            </a: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임베디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아두이노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접목하여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en-US" altLang="ko-KR" sz="2400" dirty="0" err="1">
                <a:solidFill>
                  <a:schemeClr val="tx2">
                    <a:lumMod val="50000"/>
                  </a:schemeClr>
                </a:solidFill>
              </a:rPr>
              <a:t>IoT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의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반응형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전시관으로 확장 가능</a:t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개발 역량이 남을 경우 추가 개발 계획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655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18" grpId="0"/>
      <p:bldP spid="19" grpId="0"/>
      <p:bldP spid="2" grpId="0" animBg="1"/>
      <p:bldP spid="20" grpId="0" animBg="1"/>
      <p:bldP spid="22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095279"/>
            <a:ext cx="5139548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미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I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디자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X, V&amp;V 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에셋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이미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3192527"/>
            <a:ext cx="637065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관람객용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안드로이드 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중앙 서버 시스템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2" name="직사각형 1"/>
          <p:cNvSpPr/>
          <p:nvPr/>
        </p:nvSpPr>
        <p:spPr>
          <a:xfrm>
            <a:off x="1265657" y="5105018"/>
            <a:ext cx="5673348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상기 역할 분담은 책임 파트일 뿐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!</a:t>
            </a:r>
          </a:p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모든 업무 영역은 중첩 및 공유될 수 있음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176620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2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96</TotalTime>
  <Words>909</Words>
  <Application>Microsoft Office PowerPoint</Application>
  <PresentationFormat>와이드스크린</PresentationFormat>
  <Paragraphs>253</Paragraphs>
  <Slides>11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5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11</vt:i4>
      </vt:variant>
    </vt:vector>
  </HeadingPairs>
  <TitlesOfParts>
    <vt:vector size="19" baseType="lpstr">
      <vt:lpstr>HY헤드라인M</vt:lpstr>
      <vt:lpstr>맑은 고딕</vt:lpstr>
      <vt:lpstr>함초롬돋움</vt:lpstr>
      <vt:lpstr>Arial</vt:lpstr>
      <vt:lpstr>Calibri</vt:lpstr>
      <vt:lpstr>Office 테마</vt:lpstr>
      <vt:lpstr>Office Theme</vt:lpstr>
      <vt:lpstr>Origami [Showeet.com]</vt:lpstr>
      <vt:lpstr>캡스톤 디자인  프로젝트 제안서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제안서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손규호</cp:lastModifiedBy>
  <cp:revision>26</cp:revision>
  <dcterms:created xsi:type="dcterms:W3CDTF">2016-03-06T08:28:09Z</dcterms:created>
  <dcterms:modified xsi:type="dcterms:W3CDTF">2016-03-06T13:28:53Z</dcterms:modified>
</cp:coreProperties>
</file>